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4-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4-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ed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3D5C2C1-00DD-A2D6-C475-CBE81D182F8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0055" y="4834343"/>
            <a:ext cx="1351265" cy="180258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002B76EE-A6B0-F414-ED6F-8B503355095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73347" y="3489880"/>
            <a:ext cx="1351265" cy="180258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3-14T09:17:57Z</dcterms:modified>
</cp:coreProperties>
</file>